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3"/>
  </p:notesMasterIdLst>
  <p:sldIdLst>
    <p:sldId id="935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  <p:ext uri="{2D200454-40CA-4A62-9FC3-DE9A4176ACB9}">
      <p15:notes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FC857A-C203-4C74-8826-5B37F8EB4432}" v="425" dt="2019-10-18T13:11:21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506" autoAdjust="0"/>
    <p:restoredTop sz="96374" autoAdjust="0"/>
  </p:normalViewPr>
  <p:slideViewPr>
    <p:cSldViewPr snapToGrid="0">
      <p:cViewPr>
        <p:scale>
          <a:sx n="80" d="100"/>
          <a:sy n="80" d="100"/>
        </p:scale>
        <p:origin x="-272" y="240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=""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=""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=""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=""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=""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=""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=""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=""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=""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=""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=""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=""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=""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=""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=""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62843" y="4860987"/>
            <a:ext cx="9136800" cy="858301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=""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362843" y="2309807"/>
            <a:ext cx="9136800" cy="190291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=""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494875" y="5714095"/>
            <a:ext cx="8999985" cy="38735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b="1" dirty="0" smtClean="0">
                <a:solidFill>
                  <a:schemeClr val="tx1"/>
                </a:solidFill>
              </a:rPr>
              <a:t>Move to cloud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=""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58061" y="6098067"/>
            <a:ext cx="9136800" cy="41179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=""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143808" y="1725609"/>
            <a:ext cx="8275850" cy="50870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                                             </a:t>
            </a:r>
            <a:r>
              <a:rPr lang="en-US" dirty="0" smtClean="0"/>
              <a:t>                         Oct-Dec,2020</a:t>
            </a:r>
            <a:endParaRPr lang="en-US" dirty="0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=""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62843" y="4860988"/>
            <a:ext cx="1062063" cy="858299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>
                <a:solidFill>
                  <a:schemeClr val="tx1">
                    <a:lumMod val="95000"/>
                    <a:lumOff val="5000"/>
                  </a:schemeClr>
                </a:solidFill>
              </a:rPr>
              <a:t>Collaboration with Stores</a:t>
            </a:r>
            <a:endParaRPr lang="en-US" sz="1200" b="1" dirty="0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=""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62843" y="2309807"/>
            <a:ext cx="1062062" cy="195728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=""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62842" y="5719289"/>
            <a:ext cx="1062064" cy="42545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=""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58060" y="6101445"/>
            <a:ext cx="1066845" cy="4084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=""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817287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=""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328650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065289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=""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556910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=""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601539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=""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104042" y="4956096"/>
            <a:ext cx="177800" cy="207430"/>
          </a:xfrm>
          <a:prstGeom prst="roundRect">
            <a:avLst/>
          </a:prstGeom>
          <a:solidFill>
            <a:srgbClr val="92D050"/>
          </a:solidFill>
          <a:ln w="127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=""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613722" y="2631437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=""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071639" y="5804062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=""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596757" y="6217764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=""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060507" y="6217764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=""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358061" y="497539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=""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542125" y="421272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dirty="0">
              <a:solidFill>
                <a:srgbClr val="1B101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=""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362843" y="2928511"/>
            <a:ext cx="825500" cy="2054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=""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362843" y="591201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smtClean="0">
                <a:solidFill>
                  <a:srgbClr val="171E24"/>
                </a:solidFill>
                <a:latin typeface="Calibri" panose="020F0502020204030204" pitchFamily="34" charset="0"/>
              </a:rPr>
              <a:t>Storage</a:t>
            </a:r>
            <a:endParaRPr lang="en-US" sz="1200" b="1" dirty="0">
              <a:solidFill>
                <a:srgbClr val="171E24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=""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358061" y="6251737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=""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3141109" y="158861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=""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999329" y="1403953"/>
            <a:ext cx="44352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=""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372407" y="1789109"/>
            <a:ext cx="882997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June,2020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=""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90691" y="1789109"/>
            <a:ext cx="1743032" cy="2449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July-Sep ,2020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=""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806127" y="471223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=""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806127" y="49831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=""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419658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=""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95517" y="49831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=""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344689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=""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836310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=""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880939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=""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899680" y="2597591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=""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850972" y="2907000"/>
            <a:ext cx="1349327" cy="2881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Expand to other citie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=""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115533" y="4712230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=""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339906" y="4860987"/>
            <a:ext cx="1983962" cy="4980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Reach out to Mall managements for slot listing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=""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880940" y="2693555"/>
            <a:ext cx="12257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=""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876157" y="625950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=""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339907" y="625950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=""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817287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=""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353537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=""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2643440" y="493709"/>
            <a:ext cx="618852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200" dirty="0">
                <a:latin typeface="Segoe UI" panose="020B0502040204020203" pitchFamily="34" charset="0"/>
                <a:cs typeface="Segoe UI" panose="020B0502040204020203" pitchFamily="34" charset="0"/>
              </a:rPr>
              <a:t>Block </a:t>
            </a:r>
            <a:r>
              <a:rPr lang="en-GB" sz="3200">
                <a:latin typeface="Segoe UI" panose="020B0502040204020203" pitchFamily="34" charset="0"/>
                <a:cs typeface="Segoe UI" panose="020B0502040204020203" pitchFamily="34" charset="0"/>
              </a:rPr>
              <a:t>the </a:t>
            </a:r>
            <a:r>
              <a:rPr lang="en-GB" sz="3200" smtClean="0">
                <a:latin typeface="Segoe UI" panose="020B0502040204020203" pitchFamily="34" charset="0"/>
                <a:cs typeface="Segoe UI" panose="020B0502040204020203" pitchFamily="34" charset="0"/>
              </a:rPr>
              <a:t>Slot </a:t>
            </a:r>
            <a:r>
              <a:rPr lang="en-GB" sz="3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Product Roadmap</a:t>
            </a:r>
            <a:endParaRPr lang="en-US" sz="32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9" name="OTLSHAPE_SLM_df6e23cb93e34336adfdc39b4d5053de_Shape">
            <a:extLst>
              <a:ext uri="{FF2B5EF4-FFF2-40B4-BE49-F238E27FC236}">
                <a16:creationId xmlns=""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060507" y="5361436"/>
            <a:ext cx="177800" cy="207430"/>
          </a:xfrm>
          <a:prstGeom prst="roundRect">
            <a:avLst/>
          </a:prstGeom>
          <a:solidFill>
            <a:srgbClr val="92D050"/>
          </a:solidFill>
          <a:ln w="127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M_df6e23cb93e34336adfdc39b4d5053de_Title">
            <a:extLst>
              <a:ext uri="{FF2B5EF4-FFF2-40B4-BE49-F238E27FC236}">
                <a16:creationId xmlns=""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315020" y="5362669"/>
            <a:ext cx="2008848" cy="207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List Store Advertisements &amp; Discount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058939" y="264111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65669134d18a43e28959dc972ef27252_Title">
            <a:extLst>
              <a:ext uri="{FF2B5EF4-FFF2-40B4-BE49-F238E27FC236}">
                <a16:creationId xmlns=""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15019" y="2659332"/>
            <a:ext cx="180934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MS notifications for bookings (with guidelines &amp; QR Code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_19867ef1ce2b46c8888ac5094bd46420_BackgroundRectangle">
            <a:extLst>
              <a:ext uri="{FF2B5EF4-FFF2-40B4-BE49-F238E27FC236}">
                <a16:creationId xmlns=""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362843" y="4212720"/>
            <a:ext cx="9136800" cy="64826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" name="OTLSHAPE_SL_19867ef1ce2b46c8888ac5094bd46420_HeaderRectangle">
            <a:extLst>
              <a:ext uri="{FF2B5EF4-FFF2-40B4-BE49-F238E27FC236}">
                <a16:creationId xmlns=""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358061" y="4267093"/>
            <a:ext cx="1066846" cy="58899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M_df6e23cb93e34336adfdc39b4d5053de_Shape">
            <a:extLst>
              <a:ext uri="{FF2B5EF4-FFF2-40B4-BE49-F238E27FC236}">
                <a16:creationId xmlns=""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082034" y="4266091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_19867ef1ce2b46c8888ac5094bd46420_Header">
            <a:extLst>
              <a:ext uri="{FF2B5EF4-FFF2-40B4-BE49-F238E27FC236}">
                <a16:creationId xmlns=""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438045" y="447352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arketing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M_560837dc1abd4a0ca0d27af684182a06_Title">
            <a:extLst>
              <a:ext uri="{FF2B5EF4-FFF2-40B4-BE49-F238E27FC236}">
                <a16:creationId xmlns=""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890893" y="3536886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M_2e27626e3d094dd0a210b1e05d6bfdd8_Title">
            <a:extLst>
              <a:ext uri="{FF2B5EF4-FFF2-40B4-BE49-F238E27FC236}">
                <a16:creationId xmlns=""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886111" y="409628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M_01502ce42bc84294ae8c8e2a26374c3b_Title">
            <a:extLst>
              <a:ext uri="{FF2B5EF4-FFF2-40B4-BE49-F238E27FC236}">
                <a16:creationId xmlns=""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850972" y="438566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M_aa00dde741c24a21a2c7b6e756bf5e17_Title">
            <a:extLst>
              <a:ext uri="{FF2B5EF4-FFF2-40B4-BE49-F238E27FC236}">
                <a16:creationId xmlns=""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732341" y="4317413"/>
            <a:ext cx="1122175" cy="328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M_2fc3af8cbe2047d9b131940081e5f96e_Title">
            <a:extLst>
              <a:ext uri="{FF2B5EF4-FFF2-40B4-BE49-F238E27FC236}">
                <a16:creationId xmlns=""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868247" y="3872813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M_60c06a06fdce43a09193df70ab745e15_Title">
            <a:extLst>
              <a:ext uri="{FF2B5EF4-FFF2-40B4-BE49-F238E27FC236}">
                <a16:creationId xmlns=""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200299" y="353688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endParaRPr lang="en-US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M_df6e23cb93e34336adfdc39b4d5053de_Title">
            <a:extLst>
              <a:ext uri="{FF2B5EF4-FFF2-40B4-BE49-F238E27FC236}">
                <a16:creationId xmlns=""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361570" y="4187324"/>
            <a:ext cx="1180056" cy="3892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Mobile/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M_df6e23cb93e34336adfdc39b4d5053de_Shape">
            <a:extLst>
              <a:ext uri="{FF2B5EF4-FFF2-40B4-BE49-F238E27FC236}">
                <a16:creationId xmlns=""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085907" y="4637102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M_df6e23cb93e34336adfdc39b4d5053de_Title">
            <a:extLst>
              <a:ext uri="{FF2B5EF4-FFF2-40B4-BE49-F238E27FC236}">
                <a16:creationId xmlns=""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61569" y="4560072"/>
            <a:ext cx="1331464" cy="2844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ustomer Outreach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M_2fc3af8cbe2047d9b131940081e5f96e_Shape">
            <a:extLst>
              <a:ext uri="{FF2B5EF4-FFF2-40B4-BE49-F238E27FC236}">
                <a16:creationId xmlns=""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527213" y="4348754"/>
            <a:ext cx="173018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053242" y="3030222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5238307" y="3022612"/>
            <a:ext cx="126748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/>
              <a:t>Dynamic Slots</a:t>
            </a:r>
            <a:endParaRPr lang="en-US" sz="1100" b="1" dirty="0"/>
          </a:p>
        </p:txBody>
      </p:sp>
      <p:sp>
        <p:nvSpPr>
          <p:cNvPr id="100" name="OTLSHAPE_SLM_5920b03199474388bd7736cdc3f1663e_Shape">
            <a:extLst>
              <a:ext uri="{FF2B5EF4-FFF2-40B4-BE49-F238E27FC236}">
                <a16:creationId xmlns=""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593803" y="293268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035107" y="332640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TextBox 108"/>
          <p:cNvSpPr txBox="1"/>
          <p:nvPr/>
        </p:nvSpPr>
        <p:spPr>
          <a:xfrm>
            <a:off x="5255431" y="3326405"/>
            <a:ext cx="172772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/>
              <a:t>Statistics Dashboard</a:t>
            </a:r>
            <a:endParaRPr lang="en-US" sz="1100" b="1" dirty="0"/>
          </a:p>
        </p:txBody>
      </p:sp>
      <p:sp>
        <p:nvSpPr>
          <p:cNvPr id="118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2556910" y="267779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M_26615f3a416d4a0a83511ad17e513011_Title">
            <a:extLst>
              <a:ext uri="{FF2B5EF4-FFF2-40B4-BE49-F238E27FC236}">
                <a16:creationId xmlns=""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851232" y="275799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at box powered by IBM Wats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045534" y="3633596"/>
            <a:ext cx="228600" cy="254000"/>
          </a:xfrm>
          <a:prstGeom prst="star8">
            <a:avLst>
              <a:gd name="adj" fmla="val 43761"/>
            </a:avLst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TextBox 74"/>
          <p:cNvSpPr txBox="1"/>
          <p:nvPr/>
        </p:nvSpPr>
        <p:spPr>
          <a:xfrm>
            <a:off x="5281842" y="3633596"/>
            <a:ext cx="1790773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/>
              <a:t>Train IBM Watson</a:t>
            </a:r>
            <a:endParaRPr lang="en-US" sz="1100" b="1" dirty="0"/>
          </a:p>
        </p:txBody>
      </p:sp>
      <p:sp>
        <p:nvSpPr>
          <p:cNvPr id="76" name="OTLSHAPE_SLM_65669134d18a43e28959dc972ef27252_Shape">
            <a:extLst>
              <a:ext uri="{FF2B5EF4-FFF2-40B4-BE49-F238E27FC236}">
                <a16:creationId xmlns=""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046297" y="3895206"/>
            <a:ext cx="228600" cy="254000"/>
          </a:xfrm>
          <a:prstGeom prst="star8">
            <a:avLst>
              <a:gd name="adj" fmla="val 43761"/>
            </a:avLst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TextBox 76"/>
          <p:cNvSpPr txBox="1"/>
          <p:nvPr/>
        </p:nvSpPr>
        <p:spPr>
          <a:xfrm>
            <a:off x="5315019" y="3887596"/>
            <a:ext cx="1790773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/>
              <a:t>Improved UI/UX</a:t>
            </a:r>
            <a:endParaRPr lang="en-US" sz="11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7</Words>
  <Application>Microsoft Office PowerPoint</Application>
  <PresentationFormat>Custom</PresentationFormat>
  <Paragraphs>29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2_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9-10-18T13:11:18Z</dcterms:created>
  <dcterms:modified xsi:type="dcterms:W3CDTF">2020-06-06T14:36:32Z</dcterms:modified>
</cp:coreProperties>
</file>